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ink/ink1.xml" ContentType="application/inkml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ink/ink2.xml" ContentType="application/inkml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ink/ink3.xml" ContentType="application/inkml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0" r:id="rId4"/>
  </p:sldMasterIdLst>
  <p:notesMasterIdLst>
    <p:notesMasterId r:id="rId19"/>
  </p:notesMasterIdLst>
  <p:handoutMasterIdLst>
    <p:handoutMasterId r:id="rId20"/>
  </p:handoutMasterIdLst>
  <p:sldIdLst>
    <p:sldId id="263" r:id="rId5"/>
    <p:sldId id="266" r:id="rId6"/>
    <p:sldId id="269" r:id="rId7"/>
    <p:sldId id="417" r:id="rId8"/>
    <p:sldId id="271" r:id="rId9"/>
    <p:sldId id="276" r:id="rId10"/>
    <p:sldId id="418" r:id="rId11"/>
    <p:sldId id="278" r:id="rId12"/>
    <p:sldId id="279" r:id="rId13"/>
    <p:sldId id="273" r:id="rId14"/>
    <p:sldId id="280" r:id="rId15"/>
    <p:sldId id="267" r:id="rId16"/>
    <p:sldId id="264" r:id="rId17"/>
    <p:sldId id="416" r:id="rId18"/>
  </p:sldIdLst>
  <p:sldSz cx="12192000" cy="6858000"/>
  <p:notesSz cx="6858000" cy="9144000"/>
  <p:custDataLst>
    <p:tags r:id="rId21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09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A9D18E"/>
    <a:srgbClr val="FF3399"/>
    <a:srgbClr val="CCCC00"/>
    <a:srgbClr val="C657A0"/>
    <a:srgbClr val="00AB4E"/>
    <a:srgbClr val="95BFE5"/>
    <a:srgbClr val="4663A7"/>
    <a:srgbClr val="DDA6CC"/>
    <a:srgbClr val="B1A3CF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8025" autoAdjust="0"/>
    <p:restoredTop sz="94660"/>
  </p:normalViewPr>
  <p:slideViewPr>
    <p:cSldViewPr snapToGrid="0" showGuides="1">
      <p:cViewPr varScale="1">
        <p:scale>
          <a:sx n="66" d="100"/>
          <a:sy n="66" d="100"/>
        </p:scale>
        <p:origin x="552" y="272"/>
      </p:cViewPr>
      <p:guideLst>
        <p:guide orient="horz" pos="209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54" d="100"/>
          <a:sy n="54" d="100"/>
        </p:scale>
        <p:origin x="2564" y="24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microsoft.com/office/2018/10/relationships/authors" Target="authors.xml"/><Relationship Id="rId3" Type="http://schemas.openxmlformats.org/officeDocument/2006/relationships/customXml" Target="../customXml/item3.xml"/><Relationship Id="rId21" Type="http://schemas.openxmlformats.org/officeDocument/2006/relationships/tags" Target="tags/tag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handoutMaster" Target="handoutMasters/handoutMaster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theme" Target="theme/theme1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viewProps" Target="viewProps.xml"/><Relationship Id="rId10" Type="http://schemas.openxmlformats.org/officeDocument/2006/relationships/slide" Target="slides/slide6.xml"/><Relationship Id="rId19" Type="http://schemas.openxmlformats.org/officeDocument/2006/relationships/notesMaster" Target="notesMasters/notesMaster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4497AECE-8FA9-B06C-3E66-A954674EBE4B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6EFA2C90-A4B1-A4B3-E6E8-C4484148CD43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endParaRPr lang="en-HK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CF7DCDFD-8E71-3849-4EEF-FEDD0E271FFB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4A18D852-9F8E-48B9-29E6-D877E6539E73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27473689"/>
      </p:ext>
    </p:extLst>
  </p:cSld>
  <p:clrMap bg1="lt1" tx1="dk1" bg2="lt2" tx2="dk2" accent1="accent1" accent2="accent2" accent3="accent3" accent4="accent4" accent5="accent5" accent6="accent6" hlink="hlink" folHlink="folHlink"/>
  <p:extLst>
    <p:ext uri="{56416CCD-93CA-4268-BC5B-53C4BB910035}">
      <p15:sldGuideLst xmlns:p15="http://schemas.microsoft.com/office/powerpoint/2012/main">
        <p15:guide id="1" orient="horz" pos="2880" userDrawn="1">
          <p15:clr>
            <a:srgbClr val="F26B43"/>
          </p15:clr>
        </p15:guide>
        <p15:guide id="2" pos="2160" userDrawn="1">
          <p15:clr>
            <a:srgbClr val="F26B43"/>
          </p15:clr>
        </p15:guide>
      </p15:sldGuideLst>
    </p:ext>
  </p:extLst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8-18T05:00:59.794"/>
    </inkml:context>
    <inkml:brush xml:id="br0">
      <inkml:brushProperty name="width" value="0.5" units="cm"/>
      <inkml:brushProperty name="height" value="1" units="cm"/>
      <inkml:brushProperty name="color" value="#A2D762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809'0,"-789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8-18T05:03:45.962"/>
    </inkml:context>
    <inkml:brush xml:id="br0">
      <inkml:brushProperty name="width" value="0.5" units="cm"/>
      <inkml:brushProperty name="height" value="1" units="cm"/>
      <inkml:brushProperty name="color" value="#A2D762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809'0,"-789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8-18T05:13:58.018"/>
    </inkml:context>
    <inkml:brush xml:id="br0">
      <inkml:brushProperty name="width" value="0.5" units="cm"/>
      <inkml:brushProperty name="height" value="1" units="cm"/>
      <inkml:brushProperty name="color" value="#A2D762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1610'0,"-1583"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CEB8063-EFC4-493A-A061-34510404C109}" type="datetimeFigureOut">
              <a:rPr lang="en-HK" smtClean="0"/>
              <a:t>8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FE220A8-729E-4903-8A91-91CAF5BF618D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314042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6835493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8778021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0803426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41201104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27441780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833387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6649308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568455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5714840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6224951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8813884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868688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6088593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FE220A8-729E-4903-8A91-91CAF5BF618D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1495503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7" Type="http://schemas.openxmlformats.org/officeDocument/2006/relationships/image" Target="../media/image7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7" Type="http://schemas.openxmlformats.org/officeDocument/2006/relationships/image" Target="../media/image7.sv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7" Type="http://schemas.openxmlformats.org/officeDocument/2006/relationships/image" Target="../media/image7.sv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image" Target="../media/image7.sv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7" Type="http://schemas.openxmlformats.org/officeDocument/2006/relationships/image" Target="../media/image7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7" Type="http://schemas.openxmlformats.org/officeDocument/2006/relationships/image" Target="../media/image7.sv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7" Type="http://schemas.openxmlformats.org/officeDocument/2006/relationships/image" Target="../media/image7.sv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7" Type="http://schemas.openxmlformats.org/officeDocument/2006/relationships/image" Target="../media/image7.sv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7" Type="http://schemas.openxmlformats.org/officeDocument/2006/relationships/image" Target="../media/image7.sv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7" Type="http://schemas.openxmlformats.org/officeDocument/2006/relationships/image" Target="../media/image7.sv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7" Type="http://schemas.openxmlformats.org/officeDocument/2006/relationships/image" Target="../media/image7.sv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7" Type="http://schemas.openxmlformats.org/officeDocument/2006/relationships/image" Target="../media/image7.sv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5CEF8CF-D578-E21E-0351-98B2740BD4F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8F3909-3A9D-8837-CDC3-3607C5D747B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7B699779-6258-DB92-E138-0978F71E62A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B23BE9EC-4040-34E5-7895-4DF59323331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C2DB5FD-8123-612D-0C89-E34ABAE17D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748DD87F-EAC1-68DE-93E9-5F6B7F4425F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Graphic 7">
            <a:extLst>
              <a:ext uri="{FF2B5EF4-FFF2-40B4-BE49-F238E27FC236}">
                <a16:creationId xmlns:a16="http://schemas.microsoft.com/office/drawing/2014/main" id="{EB1EBC88-DEF9-76B2-7B1F-F868AE280656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20049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F2154122-EBCC-0AF2-2ABB-E39FD7FA802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7565A6FA-44AB-63E7-4B9C-183EF7211E4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C6BFE055-E69E-D78A-30B7-85B495F1EB99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813C5E9-DEB5-1E69-94A6-33AA4BEDECF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FC4708F5-85C4-C6AA-2361-068890F1009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58C209E9-8599-BDC8-E69A-8B8612B64B69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5DEB804-8BF9-8D81-75B5-48BF664BF12E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305415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A59E1F8-9CA9-445F-DB2D-41EE966150F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360F1F9-1D43-D1E5-4C5D-F00E7A9E183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5B2DD0F8-0389-D26E-ACD3-371E9DF0C2D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AC1FBFCC-6AFF-10C8-9F1A-57A84D53302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5BA8B3D1-B558-75D4-08C8-E69C029DCAE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5F9594EE-3EF8-7CD9-3F7C-4DC1527B21C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A97A5A9A-6871-A083-CB61-8F6DEAF6AF24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2777956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F5B6BEA-58ED-932F-6509-1A3254FB184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96A7A550-A01F-62F3-BE63-47A367E7E49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835E5FE7-20F4-30B5-F0AA-D9EE5878229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E81FA90F-C56F-AC09-4127-36922002EE4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35C5E95-9680-1E9D-9027-0D8BF9F0021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BB04BA91-0D4D-2A96-C075-13720A0DCE6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F515860F-7B06-02A6-5FCF-61CB776B4363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2687420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F18DFAD9-D7CC-29B5-BF5F-E0CBEC690F4F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AD39F93A-2CAA-AE0E-309B-CA9897D8BFAB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6A39367-C0D5-C23A-471C-BB9061300C25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82203139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148766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8">
            <a:extLst>
              <a:ext uri="{FF2B5EF4-FFF2-40B4-BE49-F238E27FC236}">
                <a16:creationId xmlns:a16="http://schemas.microsoft.com/office/drawing/2014/main" id="{544B7516-0C83-C7CD-9D01-CBCEB148B84F}"/>
              </a:ext>
            </a:extLst>
          </p:cNvPr>
          <p:cNvSpPr/>
          <p:nvPr userDrawn="1"/>
        </p:nvSpPr>
        <p:spPr>
          <a:xfrm>
            <a:off x="0" y="-26988"/>
            <a:ext cx="12192000" cy="1208088"/>
          </a:xfrm>
          <a:prstGeom prst="rect">
            <a:avLst/>
          </a:prstGeom>
          <a:solidFill>
            <a:srgbClr val="00A4B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zh-HK" sz="32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新細明體" panose="02020500000000000000" pitchFamily="18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8839006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26917290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84077778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247595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795142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B8A33D4-AF13-28D7-770C-2FBF0A02935F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0C89D702-0C85-112A-4DC8-167703C55CE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1E5EF1F-8B48-3EDA-D272-76E7C504209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B818B27-4D9A-216F-0121-BE827DE31F3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1EE0CF3-C468-5B89-BAEA-485A2DCAB15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2AB38D48-9520-DCF4-9472-3D565265FEE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181007C-8EDB-62DB-A39E-3915D40EF2A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65DB01A9-2309-934B-862E-DA6BCAAF332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CD4A044E-5A93-14D1-5DFA-4CC729724BB9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776172D3-81E6-1879-7F5A-C75C731E5834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22" name="Graphic 21">
            <a:extLst>
              <a:ext uri="{FF2B5EF4-FFF2-40B4-BE49-F238E27FC236}">
                <a16:creationId xmlns:a16="http://schemas.microsoft.com/office/drawing/2014/main" id="{2CD6B676-F1F9-7D36-26EA-F6DEBA1B3538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6129587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9296671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7108822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2589017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29402920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6918461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7167321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712468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53A50D4-A497-EFC6-9330-51CD1F483AF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AEAB863-A42D-79FD-0E04-45F84045428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7B5B1D4B-ADA6-BD32-01F5-8C9F3725622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2BF7D325-C812-1B0B-3C75-A7E479FCF3F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939209C8-693A-7F07-39B2-61D4D56F330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85E3776-7C8E-6329-4783-38EA57456F40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67A4F57D-CA74-C3B1-B57C-9770CF6F47AD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7774600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15CD5D9-391B-B207-876C-C7AF84ED006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4D3D7A7-C814-DAFE-6327-C6695E83FFD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0BA9CE83-1C52-103E-79A3-E195CB109E2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4F165C40-6956-635D-7D2C-6820E0FF9F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1D9F563-FA34-BC0E-7EB4-A41CC645340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512F478-2D80-03B8-ADC9-C4EBA594CC2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09F0CC5-76DE-6C93-D0D2-97BB9BBD02E0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103535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20DF217-0C4F-F0A9-74C3-55462FE77CE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90D7767-C9F1-5FB9-A13B-85FE03A9E45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3494E3C6-B65E-90BC-E6EA-11D377DB695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99C1E154-A93F-9055-714B-8A1BCFB2362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61BEA69-624C-CF1D-0F68-2BA52CE6402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95F2AB5-4A01-4E7A-5DAF-FDB8D0E3DD6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92D62B3-E1B1-B607-4075-4D1CB348F4DE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4147683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B8EAC136-A929-EC0C-2258-CED8E9808D0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969129E-D705-00BE-F392-24AD958316C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6B2916D-125B-C113-B56D-07D2B109023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C0789F4-BB34-E984-2454-38C8295780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DC92C39-1104-4ACB-35B7-CD5D25437E4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C5A49506-B69E-7947-A78E-553B3D5588A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35F5CD8F-E41F-755A-73FC-0EA35D28C6AD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944789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A432370-C7A1-BEE2-3BE0-6A968D8E319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48ADA97-ADE5-8132-1451-A5D9201BFE7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E73E5BB4-1CA0-D3E1-69D5-8E59C551E7D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324896E-568A-4FDB-36AC-616D770D27C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483BFE5D-5828-9DEA-5933-37254703FC0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920FCE1E-85FD-6EAB-28F5-5E064F35AE6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Graphic 9">
            <a:extLst>
              <a:ext uri="{FF2B5EF4-FFF2-40B4-BE49-F238E27FC236}">
                <a16:creationId xmlns:a16="http://schemas.microsoft.com/office/drawing/2014/main" id="{B1CC5633-2949-80F0-2FC2-BAE8CB9ABBDF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936069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E6FF6AF-F535-B40B-97AC-CE9A3A80328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88CD483-A2F8-7162-D56E-2765A0EDF6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EA2F2492-10C0-05D5-12D4-B6A571C1DB8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90B63051-8870-AE64-0029-6DA30753DA5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2279B9B3-9107-5C24-CB2D-4A9F2D1C556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C36F1F6-7C46-B764-6FAC-3016DD7E48F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F9B5CA9F-95AF-2074-196C-80D97777B1D6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6746435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FA3E604-77A6-0BD8-BCDA-1EA316A92EC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74DFC23A-577B-06AF-DE31-18D2AC04F90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190AD62-9B9D-B4E4-2173-DEA78C3BD10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9067086-0593-1F38-6603-9CBE5AE5C26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5B08A86-2BD2-51C6-003F-E6083BEF2C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4809775-DE8D-75BE-7127-07215F7752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3135F32A-F45A-494B-03E3-9F96A3ACEDCF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8713201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image" Target="../media/image1.png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8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28575382-DB00-4E13-EB2D-815A8BECC485}"/>
              </a:ext>
            </a:extLst>
          </p:cNvPr>
          <p:cNvPicPr>
            <a:picLocks noChangeAspect="1"/>
          </p:cNvPicPr>
          <p:nvPr userDrawn="1"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4261183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1" r:id="rId1"/>
    <p:sldLayoutId id="2147483702" r:id="rId2"/>
    <p:sldLayoutId id="2147483703" r:id="rId3"/>
    <p:sldLayoutId id="2147483704" r:id="rId4"/>
    <p:sldLayoutId id="2147483705" r:id="rId5"/>
    <p:sldLayoutId id="2147483706" r:id="rId6"/>
    <p:sldLayoutId id="2147483707" r:id="rId7"/>
    <p:sldLayoutId id="2147483708" r:id="rId8"/>
    <p:sldLayoutId id="2147483709" r:id="rId9"/>
    <p:sldLayoutId id="2147483710" r:id="rId10"/>
    <p:sldLayoutId id="2147483711" r:id="rId11"/>
    <p:sldLayoutId id="2147483712" r:id="rId12"/>
    <p:sldLayoutId id="2147483713" r:id="rId13"/>
    <p:sldLayoutId id="2147483714" r:id="rId14"/>
    <p:sldLayoutId id="2147483726" r:id="rId15"/>
    <p:sldLayoutId id="2147483715" r:id="rId16"/>
    <p:sldLayoutId id="2147483716" r:id="rId17"/>
    <p:sldLayoutId id="2147483717" r:id="rId18"/>
    <p:sldLayoutId id="2147483718" r:id="rId19"/>
    <p:sldLayoutId id="2147483719" r:id="rId20"/>
    <p:sldLayoutId id="2147483720" r:id="rId21"/>
    <p:sldLayoutId id="2147483721" r:id="rId22"/>
    <p:sldLayoutId id="2147483722" r:id="rId23"/>
    <p:sldLayoutId id="2147483723" r:id="rId24"/>
    <p:sldLayoutId id="2147483724" r:id="rId25"/>
    <p:sldLayoutId id="2147483725" r:id="rId2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11.xml"/><Relationship Id="rId6" Type="http://schemas.openxmlformats.org/officeDocument/2006/relationships/image" Target="../media/image43.png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12.xml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3.xml"/><Relationship Id="rId4" Type="http://schemas.openxmlformats.org/officeDocument/2006/relationships/image" Target="../media/image3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3.xml"/><Relationship Id="rId4" Type="http://schemas.openxmlformats.org/officeDocument/2006/relationships/image" Target="../media/image3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4.xml"/><Relationship Id="rId5" Type="http://schemas.openxmlformats.org/officeDocument/2006/relationships/image" Target="../media/image32.jpeg"/><Relationship Id="rId4" Type="http://schemas.openxmlformats.org/officeDocument/2006/relationships/image" Target="../media/image31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5.xml"/><Relationship Id="rId6" Type="http://schemas.openxmlformats.org/officeDocument/2006/relationships/image" Target="../media/image34.png"/><Relationship Id="rId5" Type="http://schemas.openxmlformats.org/officeDocument/2006/relationships/customXml" Target="../ink/ink1.xml"/><Relationship Id="rId4" Type="http://schemas.openxmlformats.org/officeDocument/2006/relationships/image" Target="../media/image3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image" Target="../media/image34.png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6.xml"/><Relationship Id="rId6" Type="http://schemas.openxmlformats.org/officeDocument/2006/relationships/customXml" Target="../ink/ink2.xml"/><Relationship Id="rId5" Type="http://schemas.openxmlformats.org/officeDocument/2006/relationships/image" Target="../media/image36.png"/><Relationship Id="rId4" Type="http://schemas.openxmlformats.org/officeDocument/2006/relationships/image" Target="../media/image3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7.xml"/><Relationship Id="rId4" Type="http://schemas.openxmlformats.org/officeDocument/2006/relationships/image" Target="../media/image37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8.xml"/><Relationship Id="rId6" Type="http://schemas.openxmlformats.org/officeDocument/2006/relationships/image" Target="../media/image38.png"/><Relationship Id="rId5" Type="http://schemas.openxmlformats.org/officeDocument/2006/relationships/customXml" Target="../ink/ink3.xml"/><Relationship Id="rId4" Type="http://schemas.openxmlformats.org/officeDocument/2006/relationships/image" Target="../media/image3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9.xml"/><Relationship Id="rId4" Type="http://schemas.openxmlformats.org/officeDocument/2006/relationships/image" Target="../media/image39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10.xml"/><Relationship Id="rId4" Type="http://schemas.openxmlformats.org/officeDocument/2006/relationships/image" Target="../media/image40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5EFA6453-CF4B-4F8F-832E-B984093CEA7C}"/>
              </a:ext>
            </a:extLst>
          </p:cNvPr>
          <p:cNvSpPr txBox="1"/>
          <p:nvPr/>
        </p:nvSpPr>
        <p:spPr>
          <a:xfrm>
            <a:off x="3048000" y="345919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uess the meaning of unknown words</a:t>
            </a:r>
          </a:p>
        </p:txBody>
      </p:sp>
      <p:sp>
        <p:nvSpPr>
          <p:cNvPr id="3" name="TextBox 3">
            <a:extLst>
              <a:ext uri="{FF2B5EF4-FFF2-40B4-BE49-F238E27FC236}">
                <a16:creationId xmlns:a16="http://schemas.microsoft.com/office/drawing/2014/main" id="{D23D0908-0802-5C95-2803-315DFAB65BCF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51FEE78-50E5-4A5B-B874-22A388980C15}"/>
              </a:ext>
            </a:extLst>
          </p:cNvPr>
          <p:cNvSpPr txBox="1"/>
          <p:nvPr/>
        </p:nvSpPr>
        <p:spPr>
          <a:xfrm>
            <a:off x="1269297" y="-90430"/>
            <a:ext cx="9571879" cy="1323439"/>
          </a:xfrm>
          <a:prstGeom prst="rect">
            <a:avLst/>
          </a:prstGeom>
          <a:noFill/>
          <a:effectLst>
            <a:softEdge rad="63500"/>
          </a:effectLst>
        </p:spPr>
        <p:txBody>
          <a:bodyPr wrap="square" anchor="ctr">
            <a:spAutoFit/>
          </a:bodyPr>
          <a:lstStyle/>
          <a:p>
            <a:r>
              <a:rPr lang="en-US" sz="4000" b="1" dirty="0">
                <a:solidFill>
                  <a:schemeClr val="bg1"/>
                </a:solidFill>
              </a:rPr>
              <a:t>Look at Picture 5: … </a:t>
            </a:r>
            <a:r>
              <a:rPr lang="en-US" sz="4000" b="1" dirty="0">
                <a:solidFill>
                  <a:srgbClr val="002060"/>
                </a:solidFill>
              </a:rPr>
              <a:t>they do not like noise</a:t>
            </a:r>
            <a:r>
              <a:rPr lang="en-US" sz="4000" b="1" dirty="0">
                <a:solidFill>
                  <a:schemeClr val="bg1"/>
                </a:solidFill>
              </a:rPr>
              <a:t>. ‘Noise’ means ___ .</a:t>
            </a:r>
            <a:endParaRPr lang="en-HK" sz="4000" b="1" dirty="0">
              <a:solidFill>
                <a:schemeClr val="bg1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0E80689C-9419-416A-9114-E2E83D192485}"/>
              </a:ext>
            </a:extLst>
          </p:cNvPr>
          <p:cNvSpPr/>
          <p:nvPr/>
        </p:nvSpPr>
        <p:spPr>
          <a:xfrm>
            <a:off x="7863793" y="2938477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AE433F4-DB8A-4826-A365-A186334B98E5}"/>
              </a:ext>
            </a:extLst>
          </p:cNvPr>
          <p:cNvSpPr/>
          <p:nvPr/>
        </p:nvSpPr>
        <p:spPr>
          <a:xfrm>
            <a:off x="907541" y="2938477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/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068E1676-F7FE-494F-93DE-F092DDF32A3D}"/>
              </a:ext>
            </a:extLst>
          </p:cNvPr>
          <p:cNvSpPr/>
          <p:nvPr/>
        </p:nvSpPr>
        <p:spPr>
          <a:xfrm>
            <a:off x="967011" y="2994694"/>
            <a:ext cx="252000" cy="252000"/>
          </a:xfrm>
          <a:prstGeom prst="ellipse">
            <a:avLst/>
          </a:prstGeom>
          <a:solidFill>
            <a:schemeClr val="tx1"/>
          </a:solidFill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/>
          </a:p>
        </p:txBody>
      </p:sp>
      <p:sp>
        <p:nvSpPr>
          <p:cNvPr id="9" name="Oval 8">
            <a:extLst>
              <a:ext uri="{FF2B5EF4-FFF2-40B4-BE49-F238E27FC236}">
                <a16:creationId xmlns:a16="http://schemas.microsoft.com/office/drawing/2014/main" id="{46461EFD-7EBA-4601-8393-DFF6F79ADB1C}"/>
              </a:ext>
            </a:extLst>
          </p:cNvPr>
          <p:cNvSpPr/>
          <p:nvPr/>
        </p:nvSpPr>
        <p:spPr>
          <a:xfrm>
            <a:off x="4486319" y="2938477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/>
          </a:p>
        </p:txBody>
      </p:sp>
      <p:sp>
        <p:nvSpPr>
          <p:cNvPr id="10" name="Look at">
            <a:extLst>
              <a:ext uri="{FF2B5EF4-FFF2-40B4-BE49-F238E27FC236}">
                <a16:creationId xmlns:a16="http://schemas.microsoft.com/office/drawing/2014/main" id="{EE5533A7-FE55-4F3B-9305-71CAE1BFCA68}"/>
              </a:ext>
            </a:extLst>
          </p:cNvPr>
          <p:cNvSpPr txBox="1"/>
          <p:nvPr/>
        </p:nvSpPr>
        <p:spPr>
          <a:xfrm>
            <a:off x="8557860" y="2822728"/>
            <a:ext cx="757963" cy="595932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>
              <a:lnSpc>
                <a:spcPct val="107000"/>
              </a:lnSpc>
              <a:spcAft>
                <a:spcPts val="800"/>
              </a:spcAft>
            </a:pPr>
            <a:r>
              <a:rPr lang="en-US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C. 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1" name="Look at">
            <a:extLst>
              <a:ext uri="{FF2B5EF4-FFF2-40B4-BE49-F238E27FC236}">
                <a16:creationId xmlns:a16="http://schemas.microsoft.com/office/drawing/2014/main" id="{59C868F0-327F-41C8-BBBC-827B5BDAC98F}"/>
              </a:ext>
            </a:extLst>
          </p:cNvPr>
          <p:cNvSpPr txBox="1"/>
          <p:nvPr/>
        </p:nvSpPr>
        <p:spPr>
          <a:xfrm>
            <a:off x="5180386" y="2828307"/>
            <a:ext cx="724831" cy="584775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/>
            <a:r>
              <a:rPr lang="en-US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B. 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3" name="Look at">
            <a:extLst>
              <a:ext uri="{FF2B5EF4-FFF2-40B4-BE49-F238E27FC236}">
                <a16:creationId xmlns:a16="http://schemas.microsoft.com/office/drawing/2014/main" id="{A617E6A9-8561-4BE9-ADF0-222536C7900D}"/>
              </a:ext>
            </a:extLst>
          </p:cNvPr>
          <p:cNvSpPr txBox="1"/>
          <p:nvPr/>
        </p:nvSpPr>
        <p:spPr>
          <a:xfrm>
            <a:off x="1601610" y="2822728"/>
            <a:ext cx="580882" cy="595932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>
              <a:lnSpc>
                <a:spcPct val="107000"/>
              </a:lnSpc>
              <a:spcAft>
                <a:spcPts val="800"/>
              </a:spcAft>
            </a:pPr>
            <a:r>
              <a:rPr lang="en-HK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A. 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CCAC51B8-73FB-47B9-9BD6-22FCEEEAC5A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07013" y="3413082"/>
            <a:ext cx="2819400" cy="2081213"/>
          </a:xfrm>
          <a:prstGeom prst="rect">
            <a:avLst/>
          </a:prstGeom>
        </p:spPr>
      </p:pic>
      <p:pic>
        <p:nvPicPr>
          <p:cNvPr id="18" name="Picture 17">
            <a:extLst>
              <a:ext uri="{FF2B5EF4-FFF2-40B4-BE49-F238E27FC236}">
                <a16:creationId xmlns:a16="http://schemas.microsoft.com/office/drawing/2014/main" id="{974F2D2C-11DA-463C-890B-636026912C9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82433" y="3375505"/>
            <a:ext cx="2819400" cy="2106058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D290C936-5172-4E28-9481-15FFB713FC4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171593" y="3439341"/>
            <a:ext cx="2594234" cy="208121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081788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6" grpId="0" animBg="1"/>
      <p:bldP spid="7" grpId="0" animBg="1"/>
      <p:bldP spid="8" grpId="0" animBg="1"/>
      <p:bldP spid="9" grpId="0" animBg="1"/>
      <p:bldP spid="10" grpId="0" animBg="1"/>
      <p:bldP spid="11" grpId="0" animBg="1"/>
      <p:bldP spid="13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930713" y="306588"/>
            <a:ext cx="10025771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In Picture 6, what does ‘bang’ mean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1728B2B5-1AAD-42A1-8126-397BF4FB2E5C}"/>
              </a:ext>
            </a:extLst>
          </p:cNvPr>
          <p:cNvSpPr txBox="1"/>
          <p:nvPr/>
        </p:nvSpPr>
        <p:spPr>
          <a:xfrm>
            <a:off x="2096790" y="5641935"/>
            <a:ext cx="7998417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Look at the picture. What are the two children doing?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42EB7F6-4D1D-4E06-A5A0-9651513C620F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b="12365"/>
          <a:stretch/>
        </p:blipFill>
        <p:spPr>
          <a:xfrm>
            <a:off x="558309" y="1216065"/>
            <a:ext cx="11075380" cy="4250771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18" name="Rectangle 17">
            <a:extLst>
              <a:ext uri="{FF2B5EF4-FFF2-40B4-BE49-F238E27FC236}">
                <a16:creationId xmlns:a16="http://schemas.microsoft.com/office/drawing/2014/main" id="{30B85D49-2DF6-4CD1-BC7B-0C000C39072A}"/>
              </a:ext>
            </a:extLst>
          </p:cNvPr>
          <p:cNvSpPr/>
          <p:nvPr/>
        </p:nvSpPr>
        <p:spPr>
          <a:xfrm>
            <a:off x="4452952" y="1651519"/>
            <a:ext cx="648000" cy="43200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F286C43-DE17-47B6-A529-164DABA0938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63918" y="1630239"/>
            <a:ext cx="3689132" cy="1027088"/>
          </a:xfrm>
          <a:prstGeom prst="rect">
            <a:avLst/>
          </a:prstGeom>
        </p:spPr>
      </p:pic>
      <p:sp>
        <p:nvSpPr>
          <p:cNvPr id="21" name="Freeform: Shape 20">
            <a:extLst>
              <a:ext uri="{FF2B5EF4-FFF2-40B4-BE49-F238E27FC236}">
                <a16:creationId xmlns:a16="http://schemas.microsoft.com/office/drawing/2014/main" id="{B99E1778-2145-454D-82A5-353212718161}"/>
              </a:ext>
            </a:extLst>
          </p:cNvPr>
          <p:cNvSpPr/>
          <p:nvPr/>
        </p:nvSpPr>
        <p:spPr>
          <a:xfrm>
            <a:off x="709448" y="1251923"/>
            <a:ext cx="10924241" cy="4320000"/>
          </a:xfrm>
          <a:custGeom>
            <a:avLst/>
            <a:gdLst>
              <a:gd name="connsiteX0" fmla="*/ 2319073 w 10924241"/>
              <a:gd name="connsiteY0" fmla="*/ 1580504 h 4320000"/>
              <a:gd name="connsiteX1" fmla="*/ 1923389 w 10924241"/>
              <a:gd name="connsiteY1" fmla="*/ 1976188 h 4320000"/>
              <a:gd name="connsiteX2" fmla="*/ 1923389 w 10924241"/>
              <a:gd name="connsiteY2" fmla="*/ 3558874 h 4320000"/>
              <a:gd name="connsiteX3" fmla="*/ 2319073 w 10924241"/>
              <a:gd name="connsiteY3" fmla="*/ 3954558 h 4320000"/>
              <a:gd name="connsiteX4" fmla="*/ 4649282 w 10924241"/>
              <a:gd name="connsiteY4" fmla="*/ 3954558 h 4320000"/>
              <a:gd name="connsiteX5" fmla="*/ 5044966 w 10924241"/>
              <a:gd name="connsiteY5" fmla="*/ 3558874 h 4320000"/>
              <a:gd name="connsiteX6" fmla="*/ 5044966 w 10924241"/>
              <a:gd name="connsiteY6" fmla="*/ 1976188 h 4320000"/>
              <a:gd name="connsiteX7" fmla="*/ 4649282 w 10924241"/>
              <a:gd name="connsiteY7" fmla="*/ 1580504 h 4320000"/>
              <a:gd name="connsiteX8" fmla="*/ 350698 w 10924241"/>
              <a:gd name="connsiteY8" fmla="*/ 0 h 4320000"/>
              <a:gd name="connsiteX9" fmla="*/ 10573543 w 10924241"/>
              <a:gd name="connsiteY9" fmla="*/ 0 h 4320000"/>
              <a:gd name="connsiteX10" fmla="*/ 10924241 w 10924241"/>
              <a:gd name="connsiteY10" fmla="*/ 350698 h 4320000"/>
              <a:gd name="connsiteX11" fmla="*/ 10924241 w 10924241"/>
              <a:gd name="connsiteY11" fmla="*/ 3969302 h 4320000"/>
              <a:gd name="connsiteX12" fmla="*/ 10573543 w 10924241"/>
              <a:gd name="connsiteY12" fmla="*/ 4320000 h 4320000"/>
              <a:gd name="connsiteX13" fmla="*/ 350698 w 10924241"/>
              <a:gd name="connsiteY13" fmla="*/ 4320000 h 4320000"/>
              <a:gd name="connsiteX14" fmla="*/ 0 w 10924241"/>
              <a:gd name="connsiteY14" fmla="*/ 3969302 h 4320000"/>
              <a:gd name="connsiteX15" fmla="*/ 0 w 10924241"/>
              <a:gd name="connsiteY15" fmla="*/ 350698 h 4320000"/>
              <a:gd name="connsiteX16" fmla="*/ 350698 w 10924241"/>
              <a:gd name="connsiteY16" fmla="*/ 0 h 4320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10924241" h="4320000">
                <a:moveTo>
                  <a:pt x="2319073" y="1580504"/>
                </a:moveTo>
                <a:cubicBezTo>
                  <a:pt x="2100543" y="1580504"/>
                  <a:pt x="1923389" y="1757658"/>
                  <a:pt x="1923389" y="1976188"/>
                </a:cubicBezTo>
                <a:lnTo>
                  <a:pt x="1923389" y="3558874"/>
                </a:lnTo>
                <a:cubicBezTo>
                  <a:pt x="1923389" y="3777404"/>
                  <a:pt x="2100543" y="3954558"/>
                  <a:pt x="2319073" y="3954558"/>
                </a:cubicBezTo>
                <a:lnTo>
                  <a:pt x="4649282" y="3954558"/>
                </a:lnTo>
                <a:cubicBezTo>
                  <a:pt x="4867812" y="3954558"/>
                  <a:pt x="5044966" y="3777404"/>
                  <a:pt x="5044966" y="3558874"/>
                </a:cubicBezTo>
                <a:lnTo>
                  <a:pt x="5044966" y="1976188"/>
                </a:lnTo>
                <a:cubicBezTo>
                  <a:pt x="5044966" y="1757658"/>
                  <a:pt x="4867812" y="1580504"/>
                  <a:pt x="4649282" y="1580504"/>
                </a:cubicBezTo>
                <a:close/>
                <a:moveTo>
                  <a:pt x="350698" y="0"/>
                </a:moveTo>
                <a:lnTo>
                  <a:pt x="10573543" y="0"/>
                </a:lnTo>
                <a:cubicBezTo>
                  <a:pt x="10767228" y="0"/>
                  <a:pt x="10924241" y="157013"/>
                  <a:pt x="10924241" y="350698"/>
                </a:cubicBezTo>
                <a:lnTo>
                  <a:pt x="10924241" y="3969302"/>
                </a:lnTo>
                <a:cubicBezTo>
                  <a:pt x="10924241" y="4162987"/>
                  <a:pt x="10767228" y="4320000"/>
                  <a:pt x="10573543" y="4320000"/>
                </a:cubicBezTo>
                <a:lnTo>
                  <a:pt x="350698" y="4320000"/>
                </a:lnTo>
                <a:cubicBezTo>
                  <a:pt x="157013" y="4320000"/>
                  <a:pt x="0" y="4162987"/>
                  <a:pt x="0" y="3969302"/>
                </a:cubicBezTo>
                <a:lnTo>
                  <a:pt x="0" y="350698"/>
                </a:lnTo>
                <a:cubicBezTo>
                  <a:pt x="0" y="157013"/>
                  <a:pt x="157013" y="0"/>
                  <a:pt x="350698" y="0"/>
                </a:cubicBezTo>
                <a:close/>
              </a:path>
            </a:pathLst>
          </a:custGeom>
          <a:solidFill>
            <a:schemeClr val="tx1">
              <a:lumMod val="50000"/>
              <a:lumOff val="50000"/>
              <a:alpha val="82000"/>
            </a:schemeClr>
          </a:solidFill>
          <a:ln>
            <a:noFill/>
          </a:ln>
          <a:effectLst>
            <a:softEdge rad="1270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/>
            <a:endParaRPr lang="en-HK"/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83FCDEBD-7BB8-4C94-861B-80E30A5FD42B}"/>
              </a:ext>
            </a:extLst>
          </p:cNvPr>
          <p:cNvSpPr txBox="1"/>
          <p:nvPr/>
        </p:nvSpPr>
        <p:spPr>
          <a:xfrm>
            <a:off x="2172989" y="5641935"/>
            <a:ext cx="7846017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To bang something means to hit something hard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52953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27" grpId="0" animBg="1"/>
      <p:bldP spid="27" grpId="1" animBg="1"/>
      <p:bldP spid="18" grpId="0" animBg="1"/>
      <p:bldP spid="21" grpId="0" animBg="1"/>
      <p:bldP spid="2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AF67CA96-6920-4F72-82CA-8E64CF76C2D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870537" y="900727"/>
            <a:ext cx="5321463" cy="595727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B58DC4C1-49A3-4C9E-8C92-C98A6E2F79BE}"/>
              </a:ext>
            </a:extLst>
          </p:cNvPr>
          <p:cNvSpPr txBox="1"/>
          <p:nvPr/>
        </p:nvSpPr>
        <p:spPr>
          <a:xfrm>
            <a:off x="991799" y="1413063"/>
            <a:ext cx="6753708" cy="40318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When we see words that we don’t know, we can try to guess their meaning from</a:t>
            </a:r>
          </a:p>
          <a:p>
            <a:r>
              <a:rPr lang="en-US" sz="1600" b="1" dirty="0"/>
              <a:t> </a:t>
            </a:r>
          </a:p>
          <a:p>
            <a:pPr marL="742950" indent="-742950">
              <a:buAutoNum type="arabicParenBoth"/>
            </a:pPr>
            <a:r>
              <a:rPr lang="en-US" sz="4000" b="1" dirty="0"/>
              <a:t>the sentences before and after, and </a:t>
            </a:r>
          </a:p>
          <a:p>
            <a:pPr marL="742950" indent="-742950">
              <a:buAutoNum type="arabicParenBoth"/>
            </a:pPr>
            <a:r>
              <a:rPr lang="en-US" sz="4000" b="1" dirty="0"/>
              <a:t>the pictures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503303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9549274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42708603-A6D4-F11D-53DF-4AEFA283C8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78573" y="453719"/>
            <a:ext cx="8108825" cy="42047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>
                <a:latin typeface="+mn-lt"/>
                <a:cs typeface="Calibri" panose="020F0502020204030204" pitchFamily="34" charset="0"/>
              </a:rPr>
              <a:t>Acknowledgements</a:t>
            </a:r>
            <a:endParaRPr lang="zh-TW" altLang="zh-HK" sz="1400" b="1" dirty="0">
              <a:latin typeface="+mn-lt"/>
              <a:cs typeface="Calibri" panose="020F0502020204030204" pitchFamily="34" charset="0"/>
            </a:endParaRPr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dirty="0">
                <a:latin typeface="+mn-lt"/>
                <a:cs typeface="Calibri" panose="020F0502020204030204" pitchFamily="34" charset="0"/>
              </a:rPr>
              <a:t>We would like to thank the following </a:t>
            </a:r>
            <a:r>
              <a:rPr lang="en-US" altLang="zh-HK" sz="1400" dirty="0" err="1">
                <a:latin typeface="+mn-lt"/>
                <a:cs typeface="Calibri" panose="020F0502020204030204" pitchFamily="34" charset="0"/>
              </a:rPr>
              <a:t>organisations</a:t>
            </a:r>
            <a:r>
              <a:rPr lang="en-US" altLang="zh-HK" sz="1400" dirty="0">
                <a:latin typeface="+mn-lt"/>
                <a:cs typeface="Calibri" panose="020F0502020204030204" pitchFamily="34" charset="0"/>
              </a:rPr>
              <a:t> and people for permission to use their images:</a:t>
            </a:r>
          </a:p>
          <a:p>
            <a:endParaRPr lang="en-US" altLang="zh-HK" sz="1400" dirty="0">
              <a:latin typeface="+mn-lt"/>
              <a:cs typeface="Calibri" panose="020F0502020204030204" pitchFamily="34" charset="0"/>
            </a:endParaRP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artisticco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barrirret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Colorfuel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Studio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Eric </a:t>
            </a: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Isselée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famveldman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iconicbestiary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Meraupindo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 err="1">
                <a:latin typeface="+mn-lt"/>
                <a:cs typeface="Calibri" panose="020F0502020204030204" pitchFamily="34" charset="0"/>
              </a:rPr>
              <a:t>nicoletaionescu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producer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Tony Campbell / stock.adobe.com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Wandering Bear / stock.adobe.com</a:t>
            </a:r>
          </a:p>
          <a:p>
            <a:pPr>
              <a:tabLst>
                <a:tab pos="4127500" algn="l"/>
              </a:tabLst>
            </a:pPr>
            <a:r>
              <a:rPr lang="az-Cyrl-AZ" altLang="zh-HK" sz="1400" dirty="0">
                <a:latin typeface="+mn-lt"/>
                <a:cs typeface="Calibri" panose="020F0502020204030204" pitchFamily="34" charset="0"/>
              </a:rPr>
              <a:t>Татьяна Шанахина / </a:t>
            </a:r>
            <a:r>
              <a:rPr lang="en-GB" altLang="zh-HK" sz="1400" dirty="0">
                <a:latin typeface="+mn-lt"/>
                <a:cs typeface="Calibri" panose="020F0502020204030204" pitchFamily="34" charset="0"/>
              </a:rPr>
              <a:t>stock.adobe.com</a:t>
            </a:r>
          </a:p>
          <a:p>
            <a:pPr>
              <a:tabLst>
                <a:tab pos="4127500" algn="l"/>
              </a:tabLst>
            </a:pPr>
            <a:endParaRPr lang="en-GB" altLang="zh-HK" sz="1400" dirty="0">
              <a:latin typeface="+mn-lt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52819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AF67CA96-6920-4F72-82CA-8E64CF76C2D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802469" y="824527"/>
            <a:ext cx="5389531" cy="603347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B58DC4C1-49A3-4C9E-8C92-C98A6E2F79BE}"/>
              </a:ext>
            </a:extLst>
          </p:cNvPr>
          <p:cNvSpPr txBox="1"/>
          <p:nvPr/>
        </p:nvSpPr>
        <p:spPr>
          <a:xfrm>
            <a:off x="844379" y="2288292"/>
            <a:ext cx="7063488" cy="28007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Sometimes when we read, we see words that we don’t know. </a:t>
            </a:r>
          </a:p>
          <a:p>
            <a:endParaRPr lang="en-US" sz="1600" b="1" dirty="0"/>
          </a:p>
          <a:p>
            <a:r>
              <a:rPr lang="en-US" sz="4000" b="1" dirty="0"/>
              <a:t>We can use clues from the sentences or pictures to help us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379223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2357065" y="362606"/>
            <a:ext cx="7477869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Let’s read the story in Reading.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9D9533C-C8D2-4924-A718-E6FA1C6B6EE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226071" y="1166679"/>
            <a:ext cx="4017075" cy="5666815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4844431A-B218-4842-A125-CC584BF6E52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36234" y="1182860"/>
            <a:ext cx="4002026" cy="56446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711863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Box 12">
            <a:extLst>
              <a:ext uri="{FF2B5EF4-FFF2-40B4-BE49-F238E27FC236}">
                <a16:creationId xmlns:a16="http://schemas.microsoft.com/office/drawing/2014/main" id="{E0A9CCB2-AC74-4DC4-8A09-D368248BFFE0}"/>
              </a:ext>
            </a:extLst>
          </p:cNvPr>
          <p:cNvSpPr txBox="1"/>
          <p:nvPr/>
        </p:nvSpPr>
        <p:spPr>
          <a:xfrm>
            <a:off x="1579974" y="5107645"/>
            <a:ext cx="9345618" cy="95410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 err="1"/>
              <a:t>Ya</a:t>
            </a:r>
            <a:r>
              <a:rPr lang="en-US" sz="2800" dirty="0"/>
              <a:t> </a:t>
            </a:r>
            <a:r>
              <a:rPr lang="en-US" sz="2800" dirty="0" err="1"/>
              <a:t>Ya</a:t>
            </a:r>
            <a:r>
              <a:rPr lang="en-US" sz="2800" dirty="0"/>
              <a:t> and Bao </a:t>
            </a:r>
            <a:r>
              <a:rPr lang="en-US" sz="2800" dirty="0" err="1"/>
              <a:t>Bao</a:t>
            </a:r>
            <a:r>
              <a:rPr lang="en-US" sz="2800" dirty="0"/>
              <a:t> are parents. </a:t>
            </a:r>
            <a:br>
              <a:rPr lang="en-US" sz="2800" dirty="0"/>
            </a:br>
            <a:r>
              <a:rPr lang="en-US" sz="2800" dirty="0"/>
              <a:t>We can guess that Ling </a:t>
            </a:r>
            <a:r>
              <a:rPr lang="en-US" sz="2800" dirty="0" err="1"/>
              <a:t>Ling</a:t>
            </a:r>
            <a:r>
              <a:rPr lang="en-US" sz="2800" dirty="0"/>
              <a:t> is their baby. She is six months old. </a:t>
            </a: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83D12496-498B-4B6B-80D9-980CF4A9865B}"/>
              </a:ext>
            </a:extLst>
          </p:cNvPr>
          <p:cNvSpPr txBox="1"/>
          <p:nvPr/>
        </p:nvSpPr>
        <p:spPr>
          <a:xfrm>
            <a:off x="3449867" y="5323088"/>
            <a:ext cx="5605831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Read the sentences before and after.</a:t>
            </a:r>
          </a:p>
        </p:txBody>
      </p:sp>
      <p:pic>
        <p:nvPicPr>
          <p:cNvPr id="24" name="Picture 23">
            <a:extLst>
              <a:ext uri="{FF2B5EF4-FFF2-40B4-BE49-F238E27FC236}">
                <a16:creationId xmlns:a16="http://schemas.microsoft.com/office/drawing/2014/main" id="{D9E676C5-525C-4ECB-8D90-FD8B59C4F13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" t="851" r="-133" b="23299"/>
          <a:stretch>
            <a:fillRect/>
          </a:stretch>
        </p:blipFill>
        <p:spPr>
          <a:xfrm>
            <a:off x="930442" y="1198178"/>
            <a:ext cx="10672979" cy="372066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1154612" y="345218"/>
            <a:ext cx="9882775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Read the text in Picture 5. What is a cub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DD3CD466-3CD6-43C6-A483-F2E370BBC695}"/>
              </a:ext>
            </a:extLst>
          </p:cNvPr>
          <p:cNvCxnSpPr>
            <a:cxnSpLocks/>
          </p:cNvCxnSpPr>
          <p:nvPr/>
        </p:nvCxnSpPr>
        <p:spPr>
          <a:xfrm>
            <a:off x="6473729" y="2884375"/>
            <a:ext cx="3676111" cy="0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Straight Connector 30">
            <a:extLst>
              <a:ext uri="{FF2B5EF4-FFF2-40B4-BE49-F238E27FC236}">
                <a16:creationId xmlns:a16="http://schemas.microsoft.com/office/drawing/2014/main" id="{5CF80D83-8CD5-496A-92C7-1CEC2C0E6FC6}"/>
              </a:ext>
            </a:extLst>
          </p:cNvPr>
          <p:cNvCxnSpPr>
            <a:cxnSpLocks/>
          </p:cNvCxnSpPr>
          <p:nvPr/>
        </p:nvCxnSpPr>
        <p:spPr>
          <a:xfrm>
            <a:off x="5861729" y="3236498"/>
            <a:ext cx="2195151" cy="7877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2" name="Straight Connector 31">
            <a:extLst>
              <a:ext uri="{FF2B5EF4-FFF2-40B4-BE49-F238E27FC236}">
                <a16:creationId xmlns:a16="http://schemas.microsoft.com/office/drawing/2014/main" id="{6A4943EE-90F7-42A4-898F-1ED5FCFCF343}"/>
              </a:ext>
            </a:extLst>
          </p:cNvPr>
          <p:cNvCxnSpPr>
            <a:cxnSpLocks/>
          </p:cNvCxnSpPr>
          <p:nvPr/>
        </p:nvCxnSpPr>
        <p:spPr>
          <a:xfrm>
            <a:off x="6473729" y="3596497"/>
            <a:ext cx="2812511" cy="0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3587D1B1-F083-BF1E-AEAA-BD45EA9B2A58}"/>
                  </a:ext>
                </a:extLst>
              </p14:cNvPr>
              <p14:cNvContentPartPr/>
              <p14:nvPr/>
            </p14:nvContentPartPr>
            <p14:xfrm>
              <a:off x="5937035" y="3468984"/>
              <a:ext cx="298670" cy="360"/>
            </p14:xfrm>
          </p:contentPart>
        </mc:Choice>
        <mc:Fallback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3587D1B1-F083-BF1E-AEAA-BD45EA9B2A58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5847074" y="3288984"/>
                <a:ext cx="478232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4193325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33" grpId="0" animBg="1"/>
      <p:bldP spid="33" grpId="1" animBg="1"/>
      <p:bldP spid="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4" name="Picture 23">
            <a:extLst>
              <a:ext uri="{FF2B5EF4-FFF2-40B4-BE49-F238E27FC236}">
                <a16:creationId xmlns:a16="http://schemas.microsoft.com/office/drawing/2014/main" id="{D9E676C5-525C-4ECB-8D90-FD8B59C4F135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7" b="127"/>
          <a:stretch/>
        </p:blipFill>
        <p:spPr>
          <a:xfrm>
            <a:off x="902146" y="1198178"/>
            <a:ext cx="10701275" cy="372066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1252739" y="312859"/>
            <a:ext cx="9686522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cs typeface="Calibri"/>
              </a:rPr>
              <a:t>You can also look at the picture for clues.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C7D8C06-BA4A-4F7B-830A-92C899E6F16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902146" y="1174428"/>
            <a:ext cx="10699407" cy="4029805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2" name="Ink 1">
                <a:extLst>
                  <a:ext uri="{FF2B5EF4-FFF2-40B4-BE49-F238E27FC236}">
                    <a16:creationId xmlns:a16="http://schemas.microsoft.com/office/drawing/2014/main" id="{44FB7AE3-30B6-9D10-A698-7E9CA860AF64}"/>
                  </a:ext>
                </a:extLst>
              </p14:cNvPr>
              <p14:cNvContentPartPr/>
              <p14:nvPr/>
            </p14:nvContentPartPr>
            <p14:xfrm>
              <a:off x="5937035" y="3468984"/>
              <a:ext cx="298670" cy="360"/>
            </p14:xfrm>
          </p:contentPart>
        </mc:Choice>
        <mc:Fallback>
          <p:pic>
            <p:nvPicPr>
              <p:cNvPr id="2" name="Ink 1">
                <a:extLst>
                  <a:ext uri="{FF2B5EF4-FFF2-40B4-BE49-F238E27FC236}">
                    <a16:creationId xmlns:a16="http://schemas.microsoft.com/office/drawing/2014/main" id="{44FB7AE3-30B6-9D10-A698-7E9CA860AF64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5847074" y="3288984"/>
                <a:ext cx="478232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3608949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1940257" y="378729"/>
            <a:ext cx="8311486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What is a cub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D6234CEE-09A0-4E19-9707-6B3284352972}"/>
              </a:ext>
            </a:extLst>
          </p:cNvPr>
          <p:cNvSpPr txBox="1"/>
          <p:nvPr/>
        </p:nvSpPr>
        <p:spPr>
          <a:xfrm>
            <a:off x="3260279" y="1344498"/>
            <a:ext cx="567144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 b="1" dirty="0"/>
              <a:t>A cub is a baby animal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A867B341-5AF7-4697-B330-2680DFE8A14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322979" y="2224301"/>
            <a:ext cx="7546041" cy="4229100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987704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10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6DE0B31-A407-48CE-5FAA-172A1FEDECD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4" name="Picture 23">
            <a:extLst>
              <a:ext uri="{FF2B5EF4-FFF2-40B4-BE49-F238E27FC236}">
                <a16:creationId xmlns:a16="http://schemas.microsoft.com/office/drawing/2014/main" id="{8D769290-C2FD-012C-B9CC-48F5131ED54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7" b="127"/>
          <a:stretch/>
        </p:blipFill>
        <p:spPr>
          <a:xfrm>
            <a:off x="902146" y="1198178"/>
            <a:ext cx="10701275" cy="372066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5" name="object 81">
            <a:extLst>
              <a:ext uri="{FF2B5EF4-FFF2-40B4-BE49-F238E27FC236}">
                <a16:creationId xmlns:a16="http://schemas.microsoft.com/office/drawing/2014/main" id="{B44F9EF8-5117-0AE4-8837-BC597E978017}"/>
              </a:ext>
            </a:extLst>
          </p:cNvPr>
          <p:cNvSpPr txBox="1"/>
          <p:nvPr/>
        </p:nvSpPr>
        <p:spPr>
          <a:xfrm>
            <a:off x="693753" y="0"/>
            <a:ext cx="10869860" cy="1251720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Read the text in Picture 5 again. </a:t>
            </a:r>
          </a:p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What does ‘noise’ mean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3B76B74D-B481-DFBC-0AB5-58F77E4D78CB}"/>
              </a:ext>
            </a:extLst>
          </p:cNvPr>
          <p:cNvCxnSpPr>
            <a:cxnSpLocks/>
          </p:cNvCxnSpPr>
          <p:nvPr/>
        </p:nvCxnSpPr>
        <p:spPr>
          <a:xfrm>
            <a:off x="5858932" y="3940667"/>
            <a:ext cx="4575388" cy="0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2" name="Straight Connector 31">
            <a:extLst>
              <a:ext uri="{FF2B5EF4-FFF2-40B4-BE49-F238E27FC236}">
                <a16:creationId xmlns:a16="http://schemas.microsoft.com/office/drawing/2014/main" id="{479BBFD1-A25A-E4CC-1F93-2153B4F94A49}"/>
              </a:ext>
            </a:extLst>
          </p:cNvPr>
          <p:cNvCxnSpPr>
            <a:cxnSpLocks/>
          </p:cNvCxnSpPr>
          <p:nvPr/>
        </p:nvCxnSpPr>
        <p:spPr>
          <a:xfrm>
            <a:off x="5858930" y="4316433"/>
            <a:ext cx="3780000" cy="0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E52AFBD7-324A-C02A-D370-DF3408E742F1}"/>
              </a:ext>
            </a:extLst>
          </p:cNvPr>
          <p:cNvSpPr txBox="1"/>
          <p:nvPr/>
        </p:nvSpPr>
        <p:spPr>
          <a:xfrm>
            <a:off x="2239504" y="5262989"/>
            <a:ext cx="8026558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Read the sentence again and also the sentence after.</a:t>
            </a:r>
          </a:p>
        </p:txBody>
      </p: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05CA3BB0-37D1-2915-6815-6DF492EF75D8}"/>
              </a:ext>
            </a:extLst>
          </p:cNvPr>
          <p:cNvCxnSpPr/>
          <p:nvPr/>
        </p:nvCxnSpPr>
        <p:spPr>
          <a:xfrm>
            <a:off x="9306560" y="3585067"/>
            <a:ext cx="720000" cy="0"/>
          </a:xfrm>
          <a:prstGeom prst="line">
            <a:avLst/>
          </a:prstGeom>
          <a:ln w="38100">
            <a:solidFill>
              <a:srgbClr val="FF33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39A68D2F-5F39-B6FD-4C85-11C40113F77C}"/>
                  </a:ext>
                </a:extLst>
              </p14:cNvPr>
              <p14:cNvContentPartPr/>
              <p14:nvPr/>
            </p14:nvContentPartPr>
            <p14:xfrm>
              <a:off x="6400720" y="4132040"/>
              <a:ext cx="589680" cy="36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39A68D2F-5F39-B6FD-4C85-11C40113F77C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6310720" y="3952040"/>
                <a:ext cx="769320" cy="36000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8995114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6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drawProgress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500"/>
                            </p:stCondLst>
                            <p:childTnLst>
                              <p:par>
                                <p:cTn id="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1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DFF3D54-6030-478A-A857-A44DE6AC4BE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689335" y="1388999"/>
            <a:ext cx="6508525" cy="4339016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930713" y="306588"/>
            <a:ext cx="10025771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What does ‘noise’ mean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1728B2B5-1AAD-42A1-8126-397BF4FB2E5C}"/>
              </a:ext>
            </a:extLst>
          </p:cNvPr>
          <p:cNvSpPr txBox="1"/>
          <p:nvPr/>
        </p:nvSpPr>
        <p:spPr>
          <a:xfrm>
            <a:off x="3057136" y="5728015"/>
            <a:ext cx="5990985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Can you sleep when others talk loudly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88181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27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DFF3D54-6030-478A-A857-A44DE6AC4BE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69828" y="1303608"/>
            <a:ext cx="7052341" cy="395168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5" name="object 81">
            <a:extLst>
              <a:ext uri="{FF2B5EF4-FFF2-40B4-BE49-F238E27FC236}">
                <a16:creationId xmlns:a16="http://schemas.microsoft.com/office/drawing/2014/main" id="{E6C5DDC1-2462-49CC-A8AD-EF692D2F9FA3}"/>
              </a:ext>
            </a:extLst>
          </p:cNvPr>
          <p:cNvSpPr txBox="1"/>
          <p:nvPr/>
        </p:nvSpPr>
        <p:spPr>
          <a:xfrm>
            <a:off x="930713" y="306588"/>
            <a:ext cx="10025771" cy="623342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4000" b="1" spc="73" dirty="0">
                <a:solidFill>
                  <a:schemeClr val="bg1"/>
                </a:solidFill>
                <a:latin typeface="Calibri"/>
                <a:cs typeface="Calibri"/>
              </a:rPr>
              <a:t>What does ‘noise’ mean?</a:t>
            </a:r>
            <a:endParaRPr sz="4000" dirty="0">
              <a:solidFill>
                <a:schemeClr val="bg1"/>
              </a:solidFill>
              <a:latin typeface="Calibri"/>
              <a:cs typeface="Calibri"/>
            </a:endParaRP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1728B2B5-1AAD-42A1-8126-397BF4FB2E5C}"/>
              </a:ext>
            </a:extLst>
          </p:cNvPr>
          <p:cNvSpPr txBox="1"/>
          <p:nvPr/>
        </p:nvSpPr>
        <p:spPr>
          <a:xfrm>
            <a:off x="2453478" y="5406742"/>
            <a:ext cx="7285043" cy="95410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2800" dirty="0"/>
              <a:t>Just like us, pandas sleep better when it is quiet. They don’t like noise, or loud sounds!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21746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32_rs"/>
  <p:tag name="ISPRING_LMS_API_VERSION" val="SCORM 2004 (4th edition)"/>
  <p:tag name="ISPRING_ULTRA_SCORM_COURCE_TITLE" val="PLE3E 1B Chapter 4 Reading skill PPT"/>
  <p:tag name="ISPRING_ULTRA_SCORM_COURSE_ID" val="C9CF6C39-3370-4883-8F71-1AD448602EB7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1B Chapter 4 Reading skill PPT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C6E3C7-0133-4013-8A03-760BE1C01D88}:27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078E40-7C82-4D0F-8C6A-686E2006C9F3}:27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50E420-A9D5-45C0-B89C-D0D1B183D06F}:28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36D2DC8-4848-4E01-94E6-6BB4A7750339}:26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566544-6801-4071-A576-BB1871B8D2B1}:26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19AE5A-E5AC-435D-8F17-8CF3AA8BB7B6}:41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984E02-D252-4EC1-8D49-FF0379AB5FBB}:26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FD6BE2-B149-45C5-B542-40A99C1E4CCC}:26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56ECE4-5D3F-447C-A3DC-C9B9654C0F61}:26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8417A0E-AED5-4CE0-BA65-52EE9577ACFB}:41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888D27-696D-4B33-8C8B-DBD18DCCA912}:27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13BB96-E208-488C-8E8C-1C2109DC88DF}:27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6E1E0F-8109-40EE-AD91-41367DA9893F}:41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726CFD-1F81-43A8-8973-8B58498D169E}:278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EFDD307A-C315-4DBF-87D4-494410B8B12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C7E3CC65-678E-4005-8329-294C621D4592}">
  <ds:schemaRefs>
    <ds:schemaRef ds:uri="6a719dc3-2774-4bb3-bd51-e2fea1f33844"/>
    <ds:schemaRef ds:uri="http://purl.org/dc/terms/"/>
    <ds:schemaRef ds:uri="http://schemas.microsoft.com/office/2006/metadata/properties"/>
    <ds:schemaRef ds:uri="http://purl.org/dc/dcmitype/"/>
    <ds:schemaRef ds:uri="http://purl.org/dc/elements/1.1/"/>
    <ds:schemaRef ds:uri="http://www.w3.org/XML/1998/namespace"/>
    <ds:schemaRef ds:uri="http://schemas.microsoft.com/office/2006/documentManagement/types"/>
    <ds:schemaRef ds:uri="ea194019-af41-4f5f-90aa-3f3df5d17659"/>
    <ds:schemaRef ds:uri="http://schemas.microsoft.com/office/infopath/2007/PartnerControls"/>
    <ds:schemaRef ds:uri="http://schemas.openxmlformats.org/package/2006/metadata/core-properties"/>
  </ds:schemaRefs>
</ds:datastoreItem>
</file>

<file path=customXml/itemProps3.xml><?xml version="1.0" encoding="utf-8"?>
<ds:datastoreItem xmlns:ds="http://schemas.openxmlformats.org/officeDocument/2006/customXml" ds:itemID="{E599E53A-3956-45DD-8B7B-A951A27387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229</TotalTime>
  <Words>376</Words>
  <Application>Microsoft Office PowerPoint</Application>
  <PresentationFormat>Widescreen</PresentationFormat>
  <Paragraphs>59</Paragraphs>
  <Slides>14</Slides>
  <Notes>1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4</vt:i4>
      </vt:variant>
    </vt:vector>
  </HeadingPairs>
  <TitlesOfParts>
    <vt:vector size="21" baseType="lpstr">
      <vt:lpstr>PMingLiU</vt:lpstr>
      <vt:lpstr>Aptos</vt:lpstr>
      <vt:lpstr>Arial</vt:lpstr>
      <vt:lpstr>Calibri</vt:lpstr>
      <vt:lpstr>Calibri Light</vt:lpstr>
      <vt:lpstr>Open Sans ExtraBold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Reading skill PPT</dc:title>
  <dc:creator>Catherine Leung</dc:creator>
  <cp:lastModifiedBy>Catherine Leung</cp:lastModifiedBy>
  <cp:revision>22</cp:revision>
  <dcterms:created xsi:type="dcterms:W3CDTF">2025-02-12T03:48:57Z</dcterms:created>
  <dcterms:modified xsi:type="dcterms:W3CDTF">2025-10-08T06:42:3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